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7211D" w:rsidRDefault="00FE4B4A">
      <w:r w:rsidRPr="00FE4B4A">
        <w:rPr>
          <w:noProof/>
          <w:lang w:eastAsia="en-GB"/>
        </w:rPr>
        <w:drawing>
          <wp:inline distT="0" distB="0" distL="0" distR="0">
            <wp:extent cx="2973188" cy="2644140"/>
            <wp:effectExtent l="0" t="0" r="0" b="3810"/>
            <wp:docPr id="1" name="Picture 1" descr="R:\Modeling\1D_Models\Heat_Extraction_Paper\Ref\Step_2_Flux_steady_state\CST_FLUX\Steady_state_profile_comparison_30year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R:\Modeling\1D_Models\Heat_Extraction_Paper\Ref\Step_2_Flux_steady_state\CST_FLUX\Steady_state_profile_comparison_30years.pn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974691" cy="264547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FE4B4A">
        <w:rPr>
          <w:noProof/>
          <w:lang w:eastAsia="en-GB"/>
        </w:rPr>
        <w:drawing>
          <wp:inline distT="0" distB="0" distL="0" distR="0">
            <wp:extent cx="2994660" cy="2921300"/>
            <wp:effectExtent l="0" t="0" r="0" b="0"/>
            <wp:docPr id="2" name="Picture 2" descr="R:\Modeling\1D_Models\Heat_Extraction_Paper\Ref\Step_2_Flux_steady_state\CST_FLUX\PROD_2200m2_30yr\Axial_Effect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R:\Modeling\1D_Models\Heat_Extraction_Paper\Ref\Step_2_Flux_steady_state\CST_FLUX\PROD_2200m2_30yr\Axial_Effects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06232" cy="29325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FE4B4A">
        <w:rPr>
          <w:noProof/>
          <w:lang w:eastAsia="en-GB"/>
        </w:rPr>
        <w:drawing>
          <wp:inline distT="0" distB="0" distL="0" distR="0">
            <wp:extent cx="1676400" cy="1475232"/>
            <wp:effectExtent l="0" t="0" r="0" b="0"/>
            <wp:docPr id="4" name="Picture 4" descr="R:\Modeling\1D_Models\Heat_Extraction_Paper\Ref\Step_2_Flux_steady_state\CST_FLUX\PROD_2200m2_30yr\FluxVxCTBC_v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R:\Modeling\1D_Models\Heat_Extraction_Paper\Ref\Step_2_Flux_steady_state\CST_FLUX\PROD_2200m2_30yr\FluxVxCTBC_v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54760" t="11254" r="3544" b="47489"/>
                    <a:stretch/>
                  </pic:blipFill>
                  <pic:spPr bwMode="auto">
                    <a:xfrm>
                      <a:off x="0" y="0"/>
                      <a:ext cx="1704563" cy="15000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FE4B4A">
        <w:rPr>
          <w:noProof/>
          <w:lang w:eastAsia="en-GB"/>
        </w:rPr>
        <w:lastRenderedPageBreak/>
        <w:drawing>
          <wp:inline distT="0" distB="0" distL="0" distR="0">
            <wp:extent cx="5731510" cy="2865755"/>
            <wp:effectExtent l="0" t="0" r="2540" b="0"/>
            <wp:docPr id="5" name="Picture 5" descr="R:\Modeling\1D_Models\Heat_Extraction_Paper\Ref\Step_1_Steady_state\PROD_2200m2_30yr\Flux_pro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R:\Modeling\1D_Models\Heat_Extraction_Paper\Ref\Step_1_Steady_state\PROD_2200m2_30yr\Flux_prod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8657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FE4B4A">
        <w:rPr>
          <w:noProof/>
          <w:lang w:eastAsia="en-GB"/>
        </w:rPr>
        <w:drawing>
          <wp:inline distT="0" distB="0" distL="0" distR="0">
            <wp:extent cx="5731510" cy="2865755"/>
            <wp:effectExtent l="0" t="0" r="2540" b="0"/>
            <wp:docPr id="3" name="Picture 3" descr="R:\Modeling\1D_Models\Heat_Extraction_Paper\Ref\Step_2_Flux_steady_state\CST_FLUX\PROD_2200m2_30yr\Flux_pro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R:\Modeling\1D_Models\Heat_Extraction_Paper\Ref\Step_2_Flux_steady_state\CST_FLUX\PROD_2200m2_30yr\Flux_prod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8657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E4B4A" w:rsidRDefault="00FE4B4A">
      <w:r w:rsidRPr="00FE4B4A">
        <w:rPr>
          <w:noProof/>
          <w:lang w:eastAsia="en-GB"/>
        </w:rPr>
        <w:lastRenderedPageBreak/>
        <w:drawing>
          <wp:inline distT="0" distB="0" distL="0" distR="0">
            <wp:extent cx="5731510" cy="5097193"/>
            <wp:effectExtent l="0" t="0" r="2540" b="8255"/>
            <wp:docPr id="7" name="Picture 7" descr="C:\Users\s1995204\Documents_LOCAL\Modeling\Heat_Models\3D_BHE_Plan\slic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C:\Users\s1995204\Documents_LOCAL\Modeling\Heat_Models\3D_BHE_Plan\slices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971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E4B4A" w:rsidRDefault="00FE4B4A">
      <w:r w:rsidRPr="00FE4B4A">
        <w:rPr>
          <w:noProof/>
          <w:lang w:eastAsia="en-GB"/>
        </w:rPr>
        <w:drawing>
          <wp:inline distT="0" distB="0" distL="0" distR="0">
            <wp:extent cx="5731510" cy="1145825"/>
            <wp:effectExtent l="0" t="0" r="2540" b="0"/>
            <wp:docPr id="6" name="Picture 6" descr="C:\Users\s1995204\Documents_LOCAL\Modeling\Heat_Models\3D_BHE_Plan\Flux_2D_t946200000.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1995204\Documents_LOCAL\Modeling\Heat_Models\3D_BHE_Plan\Flux_2D_t946200000.0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145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E76C2C" w:rsidRDefault="00E76C2C">
      <w:r w:rsidRPr="00E76C2C">
        <w:rPr>
          <w:noProof/>
          <w:lang w:eastAsia="en-GB"/>
        </w:rPr>
        <w:lastRenderedPageBreak/>
        <w:drawing>
          <wp:inline distT="0" distB="0" distL="0" distR="0">
            <wp:extent cx="4177399" cy="3710940"/>
            <wp:effectExtent l="0" t="0" r="0" b="3810"/>
            <wp:docPr id="8" name="Picture 8" descr="R:\Modeling\1D_Models\Heat_Extraction_Paper\Profile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R:\Modeling\1D_Models\Heat_Extraction_Paper\Profiles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181375" cy="371447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E76C2C">
        <w:rPr>
          <w:noProof/>
          <w:lang w:eastAsia="en-GB"/>
        </w:rPr>
        <w:drawing>
          <wp:inline distT="0" distB="0" distL="0" distR="0">
            <wp:extent cx="4202614" cy="3733340"/>
            <wp:effectExtent l="0" t="0" r="7620" b="635"/>
            <wp:docPr id="10" name="Picture 10" descr="R:\Modeling\1D_Models\Heat_Extraction_Paper\MidBH_Temp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R:\Modeling\1D_Models\Heat_Extraction_Paper\MidBH_Temp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10549" cy="374038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E76C2C">
        <w:rPr>
          <w:noProof/>
          <w:lang w:eastAsia="en-GB"/>
        </w:rPr>
        <w:lastRenderedPageBreak/>
        <w:drawing>
          <wp:inline distT="0" distB="0" distL="0" distR="0">
            <wp:extent cx="3511528" cy="3124200"/>
            <wp:effectExtent l="0" t="0" r="0" b="0"/>
            <wp:docPr id="9" name="Picture 9" descr="R:\Modeling\1D_Models\Heat_Extraction_Paper\surface_Temp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R:\Modeling\1D_Models\Heat_Extraction_Paper\surface_Temp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517648" cy="31296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E76C2C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E4B4A"/>
    <w:rsid w:val="003E7B06"/>
    <w:rsid w:val="00A9586B"/>
    <w:rsid w:val="00E76C2C"/>
    <w:rsid w:val="00FE4B4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7BEAD183"/>
  <w15:chartTrackingRefBased/>
  <w15:docId w15:val="{234D407B-F065-4F05-9602-16BF76236C3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png"/><Relationship Id="rId13" Type="http://schemas.openxmlformats.org/officeDocument/2006/relationships/image" Target="media/image10.png"/><Relationship Id="rId3" Type="http://schemas.openxmlformats.org/officeDocument/2006/relationships/webSettings" Target="webSettings.xml"/><Relationship Id="rId7" Type="http://schemas.openxmlformats.org/officeDocument/2006/relationships/image" Target="media/image4.png"/><Relationship Id="rId12" Type="http://schemas.openxmlformats.org/officeDocument/2006/relationships/image" Target="media/image9.png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png"/><Relationship Id="rId11" Type="http://schemas.openxmlformats.org/officeDocument/2006/relationships/image" Target="media/image8.png"/><Relationship Id="rId5" Type="http://schemas.openxmlformats.org/officeDocument/2006/relationships/image" Target="media/image2.png"/><Relationship Id="rId15" Type="http://schemas.openxmlformats.org/officeDocument/2006/relationships/theme" Target="theme/theme1.xml"/><Relationship Id="rId10" Type="http://schemas.openxmlformats.org/officeDocument/2006/relationships/image" Target="media/image7.png"/><Relationship Id="rId4" Type="http://schemas.openxmlformats.org/officeDocument/2006/relationships/image" Target="media/image1.png"/><Relationship Id="rId9" Type="http://schemas.openxmlformats.org/officeDocument/2006/relationships/image" Target="media/image6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51</TotalTime>
  <Pages>5</Pages>
  <Words>2</Words>
  <Characters>12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University of Edinburgh</Company>
  <LinksUpToDate>false</LinksUpToDate>
  <CharactersWithSpaces>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RECEVEUR Mylène</dc:creator>
  <cp:keywords/>
  <dc:description/>
  <cp:lastModifiedBy>RECEVEUR Mylène</cp:lastModifiedBy>
  <cp:revision>1</cp:revision>
  <dcterms:created xsi:type="dcterms:W3CDTF">2020-06-22T14:12:00Z</dcterms:created>
  <dcterms:modified xsi:type="dcterms:W3CDTF">2020-06-22T16:43:00Z</dcterms:modified>
</cp:coreProperties>
</file>